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3\03_行政G\01_行政企画チーム\06_市町村関係情報\01_市町村要覧\01_市町村要覧\2024年度(R6)　市町村要覧\09_完成版\01_Excel（編集用）\"/>
    </mc:Choice>
  </mc:AlternateContent>
  <bookViews>
    <workbookView xWindow="1500" yWindow="-60" windowWidth="17805" windowHeight="6015" tabRatio="692"/>
  </bookViews>
  <sheets>
    <sheet name="市町村一覧" sheetId="25" r:id="rId1"/>
  </sheets>
  <definedNames>
    <definedName name="_xlnm._FilterDatabase" localSheetId="0" hidden="1">市町村一覧!$A$3:$F$3</definedName>
    <definedName name="_xlnm.Print_Area" localSheetId="0">市町村一覧!$A$1:$F$37</definedName>
  </definedNames>
  <calcPr calcId="152511"/>
</workbook>
</file>

<file path=xl/sharedStrings.xml><?xml version="1.0" encoding="utf-8"?>
<sst xmlns="http://schemas.openxmlformats.org/spreadsheetml/2006/main" count="173" uniqueCount="173">
  <si>
    <t>川崎市川崎区宮本町1番地</t>
    <rPh sb="0" eb="3">
      <t>カワサキシ</t>
    </rPh>
    <rPh sb="3" eb="6">
      <t>カワサキク</t>
    </rPh>
    <rPh sb="6" eb="9">
      <t>ミヤモトチョウ</t>
    </rPh>
    <rPh sb="10" eb="12">
      <t>バンチ</t>
    </rPh>
    <phoneticPr fontId="1"/>
  </si>
  <si>
    <t>横須賀市小川町11番地</t>
    <rPh sb="0" eb="4">
      <t>ヨコスカシ</t>
    </rPh>
    <rPh sb="4" eb="7">
      <t>オガワチョウ</t>
    </rPh>
    <rPh sb="9" eb="11">
      <t>バンチ</t>
    </rPh>
    <phoneticPr fontId="1"/>
  </si>
  <si>
    <t>鎌倉市御成町18番10号</t>
    <rPh sb="0" eb="3">
      <t>カマクラシ</t>
    </rPh>
    <rPh sb="3" eb="6">
      <t>オナリマチ</t>
    </rPh>
    <rPh sb="8" eb="9">
      <t>バン</t>
    </rPh>
    <rPh sb="11" eb="12">
      <t>ゴウ</t>
    </rPh>
    <phoneticPr fontId="1"/>
  </si>
  <si>
    <t>小田原市荻窪300番地</t>
    <rPh sb="0" eb="4">
      <t>オダワラシ</t>
    </rPh>
    <rPh sb="4" eb="6">
      <t>オギクボ</t>
    </rPh>
    <rPh sb="9" eb="11">
      <t>バンチ</t>
    </rPh>
    <phoneticPr fontId="1"/>
  </si>
  <si>
    <t>海老名市勝瀬175番地の1</t>
    <rPh sb="0" eb="4">
      <t>エビナシ</t>
    </rPh>
    <rPh sb="4" eb="6">
      <t>カツセ</t>
    </rPh>
    <rPh sb="9" eb="11">
      <t>バンチ</t>
    </rPh>
    <phoneticPr fontId="1"/>
  </si>
  <si>
    <t>葉山町堀内2135番地</t>
    <rPh sb="0" eb="1">
      <t>ハ</t>
    </rPh>
    <rPh sb="1" eb="2">
      <t>ヤマ</t>
    </rPh>
    <rPh sb="2" eb="3">
      <t>マチ</t>
    </rPh>
    <rPh sb="3" eb="5">
      <t>ホリウチ</t>
    </rPh>
    <rPh sb="9" eb="11">
      <t>バンチ</t>
    </rPh>
    <phoneticPr fontId="1"/>
  </si>
  <si>
    <t>寒川町宮山165番地</t>
    <rPh sb="0" eb="3">
      <t>サムカワマチ</t>
    </rPh>
    <rPh sb="3" eb="5">
      <t>ミヤヤマ</t>
    </rPh>
    <rPh sb="8" eb="10">
      <t>バンチ</t>
    </rPh>
    <phoneticPr fontId="1"/>
  </si>
  <si>
    <t>二宮町二宮961番地</t>
    <rPh sb="0" eb="3">
      <t>ニノミヤマチ</t>
    </rPh>
    <rPh sb="3" eb="5">
      <t>ニノミヤ</t>
    </rPh>
    <rPh sb="8" eb="10">
      <t>バンチ</t>
    </rPh>
    <phoneticPr fontId="1"/>
  </si>
  <si>
    <t>大井町金子1995番地</t>
    <rPh sb="0" eb="2">
      <t>オオイ</t>
    </rPh>
    <rPh sb="2" eb="3">
      <t>マチ</t>
    </rPh>
    <rPh sb="3" eb="5">
      <t>カネコ</t>
    </rPh>
    <rPh sb="9" eb="11">
      <t>バンチ</t>
    </rPh>
    <phoneticPr fontId="1"/>
  </si>
  <si>
    <t>松田町松田惣領2037番地</t>
    <rPh sb="0" eb="3">
      <t>マツダマチ</t>
    </rPh>
    <rPh sb="3" eb="5">
      <t>マツダ</t>
    </rPh>
    <rPh sb="5" eb="7">
      <t>ソウリョウ</t>
    </rPh>
    <rPh sb="11" eb="13">
      <t>バンチ</t>
    </rPh>
    <phoneticPr fontId="1"/>
  </si>
  <si>
    <t>開成町延沢773番地</t>
    <rPh sb="0" eb="3">
      <t>カイセイマチ</t>
    </rPh>
    <rPh sb="3" eb="5">
      <t>ノブサワ</t>
    </rPh>
    <rPh sb="8" eb="10">
      <t>バンチ</t>
    </rPh>
    <phoneticPr fontId="1"/>
  </si>
  <si>
    <t>真鶴町岩244番地の１</t>
    <rPh sb="0" eb="2">
      <t>マナヅル</t>
    </rPh>
    <rPh sb="2" eb="3">
      <t>マチ</t>
    </rPh>
    <rPh sb="3" eb="4">
      <t>イワ</t>
    </rPh>
    <rPh sb="7" eb="9">
      <t>バンチ</t>
    </rPh>
    <phoneticPr fontId="1"/>
  </si>
  <si>
    <t>横浜市</t>
    <rPh sb="0" eb="3">
      <t>ヨコハマシ</t>
    </rPh>
    <phoneticPr fontId="1"/>
  </si>
  <si>
    <t>所在地</t>
    <rPh sb="0" eb="3">
      <t>ショザイチ</t>
    </rPh>
    <phoneticPr fontId="1"/>
  </si>
  <si>
    <t>横須賀市</t>
  </si>
  <si>
    <t>鎌倉市</t>
  </si>
  <si>
    <t>藤沢市</t>
  </si>
  <si>
    <t>小田原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藤沢市朝日町1番地の1</t>
    <rPh sb="0" eb="3">
      <t>フジサワシ</t>
    </rPh>
    <rPh sb="3" eb="6">
      <t>アサヒチョウ</t>
    </rPh>
    <rPh sb="7" eb="9">
      <t>バンチ</t>
    </rPh>
    <phoneticPr fontId="1"/>
  </si>
  <si>
    <t>茅ヶ崎市</t>
    <rPh sb="0" eb="4">
      <t>チガサキシ</t>
    </rPh>
    <phoneticPr fontId="1"/>
  </si>
  <si>
    <t>相模原市</t>
    <rPh sb="0" eb="4">
      <t>サガミハラシ</t>
    </rPh>
    <phoneticPr fontId="1"/>
  </si>
  <si>
    <t>三浦市城山町1番1号</t>
    <rPh sb="0" eb="3">
      <t>ミウラシ</t>
    </rPh>
    <rPh sb="3" eb="6">
      <t>シロヤマチョウ</t>
    </rPh>
    <rPh sb="7" eb="8">
      <t>バン</t>
    </rPh>
    <rPh sb="9" eb="10">
      <t>ゴウ</t>
    </rPh>
    <phoneticPr fontId="1"/>
  </si>
  <si>
    <t>伊勢原市田中348番地</t>
    <rPh sb="0" eb="4">
      <t>イセハラシ</t>
    </rPh>
    <rPh sb="4" eb="6">
      <t>タナカ</t>
    </rPh>
    <rPh sb="9" eb="11">
      <t>バンチ</t>
    </rPh>
    <phoneticPr fontId="1"/>
  </si>
  <si>
    <t>南足柄市関本440番地</t>
    <rPh sb="0" eb="4">
      <t>ミナミアシガラシ</t>
    </rPh>
    <rPh sb="4" eb="6">
      <t>セキモト</t>
    </rPh>
    <rPh sb="9" eb="11">
      <t>バンチ</t>
    </rPh>
    <phoneticPr fontId="1"/>
  </si>
  <si>
    <t>綾瀬市早川550番地</t>
    <rPh sb="0" eb="3">
      <t>アヤセシ</t>
    </rPh>
    <rPh sb="3" eb="5">
      <t>ハヤカワ</t>
    </rPh>
    <rPh sb="8" eb="10">
      <t>バンチ</t>
    </rPh>
    <phoneticPr fontId="1"/>
  </si>
  <si>
    <t>中井町比奈窪56番地</t>
    <rPh sb="0" eb="3">
      <t>ナカイマチ</t>
    </rPh>
    <rPh sb="3" eb="5">
      <t>ヒナ</t>
    </rPh>
    <rPh sb="5" eb="6">
      <t>クボ</t>
    </rPh>
    <rPh sb="8" eb="10">
      <t>バンチ</t>
    </rPh>
    <phoneticPr fontId="1"/>
  </si>
  <si>
    <t>箱根町湯本256番地</t>
    <rPh sb="0" eb="3">
      <t>ハコネマチ</t>
    </rPh>
    <rPh sb="3" eb="5">
      <t>ユモト</t>
    </rPh>
    <rPh sb="8" eb="10">
      <t>バンチ</t>
    </rPh>
    <phoneticPr fontId="1"/>
  </si>
  <si>
    <t>湯河原町中央二丁目2番地1</t>
    <rPh sb="0" eb="4">
      <t>ユガワラマチ</t>
    </rPh>
    <rPh sb="4" eb="6">
      <t>チュウオウ</t>
    </rPh>
    <rPh sb="6" eb="9">
      <t>2チョウメ</t>
    </rPh>
    <rPh sb="10" eb="12">
      <t>バンチ</t>
    </rPh>
    <phoneticPr fontId="1"/>
  </si>
  <si>
    <t>清川村煤ヶ谷2216番地</t>
    <rPh sb="0" eb="3">
      <t>キヨカワムラ</t>
    </rPh>
    <rPh sb="3" eb="4">
      <t>スス</t>
    </rPh>
    <rPh sb="5" eb="6">
      <t>タニ</t>
    </rPh>
    <rPh sb="10" eb="12">
      <t>バンチ</t>
    </rPh>
    <phoneticPr fontId="1"/>
  </si>
  <si>
    <t>団体コード</t>
    <rPh sb="0" eb="2">
      <t>ダンタイ</t>
    </rPh>
    <phoneticPr fontId="1"/>
  </si>
  <si>
    <t>大磯町東小磯183番地</t>
    <rPh sb="0" eb="3">
      <t>オオイソマチ</t>
    </rPh>
    <rPh sb="3" eb="4">
      <t>ヒガシ</t>
    </rPh>
    <rPh sb="4" eb="6">
      <t>コイソ</t>
    </rPh>
    <rPh sb="9" eb="11">
      <t>バンチ</t>
    </rPh>
    <phoneticPr fontId="1"/>
  </si>
  <si>
    <t>電　話　番　号</t>
    <rPh sb="0" eb="1">
      <t>デン</t>
    </rPh>
    <rPh sb="2" eb="3">
      <t>ハナシ</t>
    </rPh>
    <rPh sb="4" eb="5">
      <t>バン</t>
    </rPh>
    <rPh sb="6" eb="7">
      <t>ゴウ</t>
    </rPh>
    <phoneticPr fontId="1"/>
  </si>
  <si>
    <t>市　町　村　一　覧</t>
    <rPh sb="0" eb="1">
      <t>シ</t>
    </rPh>
    <rPh sb="2" eb="3">
      <t>マチ</t>
    </rPh>
    <rPh sb="4" eb="5">
      <t>ムラ</t>
    </rPh>
    <rPh sb="6" eb="7">
      <t>イチ</t>
    </rPh>
    <rPh sb="8" eb="9">
      <t>ラン</t>
    </rPh>
    <phoneticPr fontId="1"/>
  </si>
  <si>
    <t>愛川町角田251番地1</t>
    <rPh sb="0" eb="3">
      <t>アイカワマチ</t>
    </rPh>
    <rPh sb="3" eb="5">
      <t>スミダ</t>
    </rPh>
    <rPh sb="8" eb="10">
      <t>バンチ</t>
    </rPh>
    <phoneticPr fontId="1"/>
  </si>
  <si>
    <t>座間市緑ケ丘一丁目1番1号</t>
    <rPh sb="0" eb="3">
      <t>ザマシ</t>
    </rPh>
    <rPh sb="3" eb="6">
      <t>ミドリガオカ</t>
    </rPh>
    <rPh sb="6" eb="7">
      <t>イチ</t>
    </rPh>
    <rPh sb="7" eb="9">
      <t>チョウメ</t>
    </rPh>
    <rPh sb="10" eb="11">
      <t>バン</t>
    </rPh>
    <rPh sb="12" eb="13">
      <t>ゴウ</t>
    </rPh>
    <phoneticPr fontId="1"/>
  </si>
  <si>
    <t>平塚市</t>
    <rPh sb="1" eb="2">
      <t>ツカ</t>
    </rPh>
    <phoneticPr fontId="1"/>
  </si>
  <si>
    <t>平塚市浅間町9番1号</t>
    <rPh sb="0" eb="2">
      <t>ヒラツカ</t>
    </rPh>
    <rPh sb="2" eb="3">
      <t>シ</t>
    </rPh>
    <rPh sb="3" eb="6">
      <t>センゲンチョウ</t>
    </rPh>
    <rPh sb="7" eb="8">
      <t>バン</t>
    </rPh>
    <rPh sb="9" eb="10">
      <t>ゴウ</t>
    </rPh>
    <phoneticPr fontId="1"/>
  </si>
  <si>
    <t>大和市下鶴間一丁目1番1号</t>
    <rPh sb="0" eb="2">
      <t>ヤマト</t>
    </rPh>
    <rPh sb="2" eb="3">
      <t>シ</t>
    </rPh>
    <rPh sb="3" eb="6">
      <t>シモツルマ</t>
    </rPh>
    <rPh sb="6" eb="7">
      <t>イチ</t>
    </rPh>
    <rPh sb="7" eb="9">
      <t>チョウメ</t>
    </rPh>
    <rPh sb="10" eb="11">
      <t>バン</t>
    </rPh>
    <rPh sb="12" eb="13">
      <t>ゴウ</t>
    </rPh>
    <phoneticPr fontId="1"/>
  </si>
  <si>
    <t>茅ヶ崎市茅ヶ崎一丁目1番1号</t>
    <rPh sb="0" eb="4">
      <t>チガサキシ</t>
    </rPh>
    <rPh sb="4" eb="7">
      <t>チガサキ</t>
    </rPh>
    <rPh sb="7" eb="8">
      <t>イチ</t>
    </rPh>
    <rPh sb="8" eb="10">
      <t>チョウメ</t>
    </rPh>
    <rPh sb="11" eb="12">
      <t>バン</t>
    </rPh>
    <rPh sb="13" eb="14">
      <t>ゴウ</t>
    </rPh>
    <phoneticPr fontId="1"/>
  </si>
  <si>
    <t>〒</t>
    <phoneticPr fontId="1"/>
  </si>
  <si>
    <t>ホームページＵＲＬ</t>
    <phoneticPr fontId="1"/>
  </si>
  <si>
    <t>045(671)2121</t>
    <phoneticPr fontId="1"/>
  </si>
  <si>
    <t>川崎市</t>
    <phoneticPr fontId="5"/>
  </si>
  <si>
    <t>210-8577</t>
    <phoneticPr fontId="1"/>
  </si>
  <si>
    <t>044(200)2111</t>
    <phoneticPr fontId="1"/>
  </si>
  <si>
    <t>252-5277</t>
    <phoneticPr fontId="1"/>
  </si>
  <si>
    <t>相模原市中央区中央二丁目11番15号</t>
    <rPh sb="0" eb="4">
      <t>サガミハラシ</t>
    </rPh>
    <rPh sb="4" eb="7">
      <t>チュウオウク</t>
    </rPh>
    <rPh sb="7" eb="9">
      <t>チュウオウ</t>
    </rPh>
    <rPh sb="9" eb="10">
      <t>ニ</t>
    </rPh>
    <rPh sb="10" eb="12">
      <t>チョウメ</t>
    </rPh>
    <rPh sb="14" eb="15">
      <t>バン</t>
    </rPh>
    <rPh sb="17" eb="18">
      <t>ゴウ</t>
    </rPh>
    <phoneticPr fontId="1"/>
  </si>
  <si>
    <t>042(754)1111</t>
    <phoneticPr fontId="1"/>
  </si>
  <si>
    <t>238-8550</t>
    <phoneticPr fontId="1"/>
  </si>
  <si>
    <t>046(822)4000</t>
    <phoneticPr fontId="1"/>
  </si>
  <si>
    <t>254-8686</t>
    <phoneticPr fontId="1"/>
  </si>
  <si>
    <t>0463(23)1111</t>
    <phoneticPr fontId="1"/>
  </si>
  <si>
    <t>逗子市逗子五丁目2番16号</t>
    <rPh sb="0" eb="2">
      <t>ズシ</t>
    </rPh>
    <rPh sb="2" eb="3">
      <t>シ</t>
    </rPh>
    <rPh sb="3" eb="5">
      <t>ズシ</t>
    </rPh>
    <rPh sb="5" eb="6">
      <t>ゴ</t>
    </rPh>
    <rPh sb="6" eb="8">
      <t>チョウメ</t>
    </rPh>
    <rPh sb="9" eb="10">
      <t>バン</t>
    </rPh>
    <rPh sb="12" eb="13">
      <t>ゴウ</t>
    </rPh>
    <phoneticPr fontId="1"/>
  </si>
  <si>
    <t>秦野市桜町一丁目3番2号</t>
    <rPh sb="0" eb="3">
      <t>ハダノシ</t>
    </rPh>
    <rPh sb="3" eb="4">
      <t>サクラ</t>
    </rPh>
    <rPh sb="4" eb="5">
      <t>チョウ</t>
    </rPh>
    <rPh sb="5" eb="6">
      <t>イチ</t>
    </rPh>
    <rPh sb="6" eb="8">
      <t>チョウメ</t>
    </rPh>
    <rPh sb="9" eb="10">
      <t>バン</t>
    </rPh>
    <rPh sb="11" eb="12">
      <t>ゴウ</t>
    </rPh>
    <phoneticPr fontId="1"/>
  </si>
  <si>
    <t>厚木市中町三丁目17番17号</t>
    <rPh sb="0" eb="3">
      <t>アツギシ</t>
    </rPh>
    <rPh sb="3" eb="5">
      <t>ナカチョウ</t>
    </rPh>
    <rPh sb="5" eb="6">
      <t>サン</t>
    </rPh>
    <rPh sb="6" eb="8">
      <t>３チョウメ</t>
    </rPh>
    <rPh sb="10" eb="11">
      <t>１７バン</t>
    </rPh>
    <rPh sb="13" eb="14">
      <t>１７ゴウ</t>
    </rPh>
    <phoneticPr fontId="1"/>
  </si>
  <si>
    <t>248-8686</t>
    <phoneticPr fontId="1"/>
  </si>
  <si>
    <t>0467(23)3000</t>
    <phoneticPr fontId="1"/>
  </si>
  <si>
    <t>251-8601</t>
    <phoneticPr fontId="1"/>
  </si>
  <si>
    <t>0466(25)1111</t>
    <phoneticPr fontId="1"/>
  </si>
  <si>
    <t>250-8555</t>
    <phoneticPr fontId="1"/>
  </si>
  <si>
    <t>0465(33)1300</t>
    <phoneticPr fontId="1"/>
  </si>
  <si>
    <t>253-8686</t>
    <phoneticPr fontId="1"/>
  </si>
  <si>
    <t>0467(82)1111</t>
    <phoneticPr fontId="1"/>
  </si>
  <si>
    <t>249-8686</t>
    <phoneticPr fontId="1"/>
  </si>
  <si>
    <t>046(873)1111</t>
    <phoneticPr fontId="1"/>
  </si>
  <si>
    <t>238-0298</t>
    <phoneticPr fontId="1"/>
  </si>
  <si>
    <t>046(882)1111</t>
    <phoneticPr fontId="1"/>
  </si>
  <si>
    <t>257-8501</t>
    <phoneticPr fontId="1"/>
  </si>
  <si>
    <t>0463(82)5111</t>
    <phoneticPr fontId="1"/>
  </si>
  <si>
    <t>243-8511</t>
    <phoneticPr fontId="1"/>
  </si>
  <si>
    <t>046(223)1511</t>
    <phoneticPr fontId="1"/>
  </si>
  <si>
    <t>242-8601</t>
    <phoneticPr fontId="1"/>
  </si>
  <si>
    <t>046(263)1111</t>
    <phoneticPr fontId="1"/>
  </si>
  <si>
    <t>259-1188</t>
    <phoneticPr fontId="1"/>
  </si>
  <si>
    <t>0463(94)4711</t>
    <phoneticPr fontId="1"/>
  </si>
  <si>
    <t>243-0492</t>
    <phoneticPr fontId="1"/>
  </si>
  <si>
    <t>046(231)2111</t>
    <phoneticPr fontId="1"/>
  </si>
  <si>
    <t>252-8566</t>
    <phoneticPr fontId="1"/>
  </si>
  <si>
    <t>046(255)1111</t>
    <phoneticPr fontId="1"/>
  </si>
  <si>
    <t>250-0192</t>
    <phoneticPr fontId="1"/>
  </si>
  <si>
    <t>0465(74)2111</t>
    <phoneticPr fontId="1"/>
  </si>
  <si>
    <t>252-1192</t>
    <phoneticPr fontId="1"/>
  </si>
  <si>
    <t>0467(77)1111</t>
    <phoneticPr fontId="1"/>
  </si>
  <si>
    <t>240-0192</t>
    <phoneticPr fontId="1"/>
  </si>
  <si>
    <t>046(876)1111</t>
    <phoneticPr fontId="1"/>
  </si>
  <si>
    <t>253-0196</t>
    <phoneticPr fontId="1"/>
  </si>
  <si>
    <t>0467(74)1111</t>
    <phoneticPr fontId="1"/>
  </si>
  <si>
    <t>255-8555</t>
    <phoneticPr fontId="1"/>
  </si>
  <si>
    <t>0463(61)4100</t>
    <phoneticPr fontId="1"/>
  </si>
  <si>
    <t>http://www.town.oiso.kanagawa.jp/</t>
    <phoneticPr fontId="1"/>
  </si>
  <si>
    <t>259-0196</t>
    <phoneticPr fontId="1"/>
  </si>
  <si>
    <t>0463(71)3311</t>
    <phoneticPr fontId="1"/>
  </si>
  <si>
    <t>259-0197</t>
    <phoneticPr fontId="1"/>
  </si>
  <si>
    <t>0465(81)1111</t>
    <phoneticPr fontId="1"/>
  </si>
  <si>
    <t>258-8501</t>
    <phoneticPr fontId="1"/>
  </si>
  <si>
    <t>0465(83)1311</t>
    <phoneticPr fontId="1"/>
  </si>
  <si>
    <t>松田町</t>
    <phoneticPr fontId="1"/>
  </si>
  <si>
    <t>258-8585</t>
    <phoneticPr fontId="1"/>
  </si>
  <si>
    <t>0465(83)1221</t>
    <phoneticPr fontId="1"/>
  </si>
  <si>
    <t>258-0195</t>
    <phoneticPr fontId="1"/>
  </si>
  <si>
    <t>山北町山北1301番地4</t>
    <phoneticPr fontId="1"/>
  </si>
  <si>
    <t>0465(75)1122</t>
    <phoneticPr fontId="1"/>
  </si>
  <si>
    <t>http://www.town.yamakita.kanagawa.jp/</t>
    <phoneticPr fontId="1"/>
  </si>
  <si>
    <t>258-8502</t>
    <phoneticPr fontId="1"/>
  </si>
  <si>
    <t>0465(83)2331</t>
    <phoneticPr fontId="1"/>
  </si>
  <si>
    <t>250-0398</t>
    <phoneticPr fontId="1"/>
  </si>
  <si>
    <t>0460(85)7111</t>
    <phoneticPr fontId="5"/>
  </si>
  <si>
    <t>259-0202</t>
    <phoneticPr fontId="1"/>
  </si>
  <si>
    <t>0465(68)1131</t>
    <phoneticPr fontId="1"/>
  </si>
  <si>
    <t>259-0392</t>
    <phoneticPr fontId="1"/>
  </si>
  <si>
    <t>0465(63)2111</t>
    <phoneticPr fontId="1"/>
  </si>
  <si>
    <t>243-0392</t>
    <phoneticPr fontId="1"/>
  </si>
  <si>
    <t>046(285)2111</t>
    <phoneticPr fontId="1"/>
  </si>
  <si>
    <t>243-0195</t>
    <phoneticPr fontId="1"/>
  </si>
  <si>
    <t>046(288)1211</t>
    <phoneticPr fontId="1"/>
  </si>
  <si>
    <t>＊「団体コード」は、総務省が設定している「全国地方公共団体コード」で、末尾の検査数字を含む。</t>
    <phoneticPr fontId="1"/>
  </si>
  <si>
    <t>市　町　村　名</t>
    <rPh sb="0" eb="1">
      <t>シ</t>
    </rPh>
    <rPh sb="2" eb="3">
      <t>マチ</t>
    </rPh>
    <rPh sb="4" eb="5">
      <t>ムラ</t>
    </rPh>
    <rPh sb="6" eb="7">
      <t>ナ</t>
    </rPh>
    <phoneticPr fontId="1"/>
  </si>
  <si>
    <t>231-0005</t>
    <phoneticPr fontId="1"/>
  </si>
  <si>
    <t>https://www.city.yokohama.lg.jp/</t>
    <phoneticPr fontId="1"/>
  </si>
  <si>
    <t>https://www.city.sagamihara.kanagawa.jp/</t>
    <phoneticPr fontId="1"/>
  </si>
  <si>
    <t>https://www.city.yokosuka.kanagawa.jp/</t>
    <phoneticPr fontId="1"/>
  </si>
  <si>
    <t>https://www.city.kamakura.kanagawa.jp/</t>
    <phoneticPr fontId="1"/>
  </si>
  <si>
    <t>https://www.city.fujisawa.kanagawa.jp/</t>
    <phoneticPr fontId="1"/>
  </si>
  <si>
    <t>https://www.city.chigasaki.kanagawa.jp/</t>
    <phoneticPr fontId="1"/>
  </si>
  <si>
    <t>https://www.city.zushi.kanagawa.jp/</t>
    <phoneticPr fontId="1"/>
  </si>
  <si>
    <t>https://www.city.hadano.kanagawa.jp/</t>
    <phoneticPr fontId="1"/>
  </si>
  <si>
    <t>https://www.city.atsugi.kanagawa.jp/</t>
    <phoneticPr fontId="1"/>
  </si>
  <si>
    <t>https://www.city.isehara.kanagawa.jp/</t>
    <phoneticPr fontId="1"/>
  </si>
  <si>
    <t>https://www.city.ebina.kanagawa.jp/</t>
    <phoneticPr fontId="1"/>
  </si>
  <si>
    <t>https://www.city.zama.kanagawa.jp/</t>
    <phoneticPr fontId="1"/>
  </si>
  <si>
    <t>https://www.city.ayase.kanagawa.jp/</t>
    <phoneticPr fontId="1"/>
  </si>
  <si>
    <t>https://www.town.hayama.lg.jp/</t>
    <phoneticPr fontId="1"/>
  </si>
  <si>
    <t>https://www.town.nakai.kanagawa.jp/</t>
    <phoneticPr fontId="1"/>
  </si>
  <si>
    <t>https://www.town.oi.kanagawa.jp/</t>
    <phoneticPr fontId="1"/>
  </si>
  <si>
    <t>https://town.matsuda.kanagawa.jp/</t>
    <phoneticPr fontId="1"/>
  </si>
  <si>
    <t>https://www.town.kaisei.kanagawa.jp/</t>
    <phoneticPr fontId="1"/>
  </si>
  <si>
    <t>https://www.town.yugawara.kanagawa.jp/</t>
    <phoneticPr fontId="1"/>
  </si>
  <si>
    <t>https://www.town.aikawa.kanagawa.jp/</t>
    <phoneticPr fontId="1"/>
  </si>
  <si>
    <t>https://www.town.kiyokawa.kanagawa.jp/</t>
    <phoneticPr fontId="1"/>
  </si>
  <si>
    <t>https://www.city.hiratsuka.kanagawa.jp/</t>
    <phoneticPr fontId="1"/>
  </si>
  <si>
    <t>https://www.city.kawasaki.jp/</t>
    <phoneticPr fontId="1"/>
  </si>
  <si>
    <t>https://www.city.odawara.kanagawa.jp/</t>
    <phoneticPr fontId="1"/>
  </si>
  <si>
    <t>https://www.city.yamato.lg.jp/</t>
    <phoneticPr fontId="1"/>
  </si>
  <si>
    <t>https://www.city.minamiashigara.kanagawa.jp/</t>
    <phoneticPr fontId="1"/>
  </si>
  <si>
    <t>横浜市中区本町6丁目50番地の10</t>
    <rPh sb="0" eb="3">
      <t>ヨコハマシ</t>
    </rPh>
    <rPh sb="3" eb="5">
      <t>ナカク</t>
    </rPh>
    <rPh sb="5" eb="7">
      <t>ホンマチ</t>
    </rPh>
    <rPh sb="8" eb="10">
      <t>チョウメ</t>
    </rPh>
    <rPh sb="12" eb="14">
      <t>バンチ</t>
    </rPh>
    <phoneticPr fontId="1"/>
  </si>
  <si>
    <t>https://www.city.miura.kanagawa.jp/</t>
    <phoneticPr fontId="1"/>
  </si>
  <si>
    <t>https://www.town.samukawa.kanagawa.jp/</t>
    <phoneticPr fontId="1"/>
  </si>
  <si>
    <t>https://www.town.ninomiya.kanagawa.jp/</t>
    <phoneticPr fontId="1"/>
  </si>
  <si>
    <t>https://www.town.hakone.kanagawa.jp/</t>
    <phoneticPr fontId="1"/>
  </si>
  <si>
    <t>https://www.town.manazuru.kanagawa.jp/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2"/>
      <name val="ＭＳ Ｐ明朝"/>
      <family val="1"/>
      <charset val="128"/>
    </font>
    <font>
      <sz val="14"/>
      <name val="ＭＳ ゴシック"/>
      <family val="3"/>
      <charset val="128"/>
    </font>
    <font>
      <sz val="6"/>
      <name val="ＭＳ 明朝"/>
      <family val="1"/>
      <charset val="128"/>
    </font>
    <font>
      <sz val="11"/>
      <name val="ＭＳ Ｐ明朝"/>
      <family val="1"/>
      <charset val="128"/>
    </font>
    <font>
      <sz val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</borders>
  <cellStyleXfs count="2">
    <xf numFmtId="0" fontId="0" fillId="0" borderId="0"/>
    <xf numFmtId="0" fontId="2" fillId="0" borderId="0" applyNumberFormat="0" applyFill="0" applyBorder="0" applyAlignment="0" applyProtection="0">
      <alignment vertical="top"/>
      <protection locked="0"/>
    </xf>
  </cellStyleXfs>
  <cellXfs count="48">
    <xf numFmtId="0" fontId="0" fillId="0" borderId="0" xfId="0"/>
    <xf numFmtId="0" fontId="3" fillId="0" borderId="1" xfId="0" applyFont="1" applyFill="1" applyBorder="1" applyAlignment="1" applyProtection="1">
      <alignment vertical="center" wrapText="1"/>
      <protection locked="0"/>
    </xf>
    <xf numFmtId="0" fontId="3" fillId="0" borderId="1" xfId="0" applyFont="1" applyFill="1" applyBorder="1" applyAlignment="1" applyProtection="1">
      <alignment vertical="center" shrinkToFit="1"/>
      <protection locked="0"/>
    </xf>
    <xf numFmtId="0" fontId="3" fillId="0" borderId="2" xfId="0" applyFont="1" applyFill="1" applyBorder="1" applyAlignment="1" applyProtection="1">
      <alignment horizontal="center" vertical="center"/>
      <protection locked="0"/>
    </xf>
    <xf numFmtId="0" fontId="3" fillId="0" borderId="3" xfId="0" applyFont="1" applyFill="1" applyBorder="1" applyAlignment="1" applyProtection="1">
      <alignment horizontal="center" vertical="center"/>
      <protection locked="0"/>
    </xf>
    <xf numFmtId="0" fontId="3" fillId="0" borderId="2" xfId="0" applyFont="1" applyFill="1" applyBorder="1" applyAlignment="1" applyProtection="1">
      <alignment horizontal="center" vertical="center" wrapText="1"/>
      <protection locked="0"/>
    </xf>
    <xf numFmtId="0" fontId="3" fillId="0" borderId="2" xfId="0" applyFont="1" applyFill="1" applyBorder="1" applyAlignment="1" applyProtection="1">
      <alignment horizontal="center" vertical="center" shrinkToFit="1"/>
      <protection locked="0"/>
    </xf>
    <xf numFmtId="0" fontId="3" fillId="0" borderId="4" xfId="0" applyFont="1" applyFill="1" applyBorder="1" applyAlignment="1" applyProtection="1">
      <alignment horizontal="center" vertical="center"/>
      <protection locked="0"/>
    </xf>
    <xf numFmtId="0" fontId="3" fillId="0" borderId="5" xfId="0" applyFont="1" applyFill="1" applyBorder="1" applyAlignment="1" applyProtection="1">
      <alignment vertical="center" shrinkToFit="1"/>
      <protection locked="0"/>
    </xf>
    <xf numFmtId="0" fontId="3" fillId="0" borderId="6" xfId="0" applyFont="1" applyFill="1" applyBorder="1" applyAlignment="1" applyProtection="1">
      <alignment horizontal="center" vertical="center"/>
      <protection locked="0"/>
    </xf>
    <xf numFmtId="0" fontId="3" fillId="0" borderId="2" xfId="1" applyFont="1" applyFill="1" applyBorder="1" applyAlignment="1" applyProtection="1">
      <alignment vertical="center"/>
      <protection locked="0"/>
    </xf>
    <xf numFmtId="0" fontId="3" fillId="0" borderId="2" xfId="1" applyFont="1" applyFill="1" applyBorder="1" applyAlignment="1" applyProtection="1">
      <alignment vertical="center" shrinkToFit="1"/>
      <protection locked="0"/>
    </xf>
    <xf numFmtId="49" fontId="3" fillId="0" borderId="2" xfId="1" applyNumberFormat="1" applyFont="1" applyFill="1" applyBorder="1" applyAlignment="1" applyProtection="1">
      <alignment vertical="center"/>
      <protection locked="0"/>
    </xf>
    <xf numFmtId="0" fontId="3" fillId="0" borderId="1" xfId="0" applyFont="1" applyFill="1" applyBorder="1" applyAlignment="1" applyProtection="1">
      <alignment horizontal="center" vertical="center"/>
      <protection locked="0"/>
    </xf>
    <xf numFmtId="0" fontId="3" fillId="0" borderId="1" xfId="0" applyFont="1" applyFill="1" applyBorder="1" applyAlignment="1" applyProtection="1">
      <alignment horizontal="center" vertical="center" wrapText="1"/>
      <protection locked="0"/>
    </xf>
    <xf numFmtId="0" fontId="3" fillId="0" borderId="1" xfId="0" applyFont="1" applyFill="1" applyBorder="1" applyAlignment="1" applyProtection="1">
      <alignment horizontal="center" vertical="center" shrinkToFit="1"/>
      <protection locked="0"/>
    </xf>
    <xf numFmtId="0" fontId="3" fillId="0" borderId="1" xfId="0" applyFont="1" applyFill="1" applyBorder="1" applyAlignment="1">
      <alignment horizontal="center" vertical="center" shrinkToFit="1"/>
    </xf>
    <xf numFmtId="0" fontId="3" fillId="0" borderId="5" xfId="0" applyFont="1" applyFill="1" applyBorder="1" applyAlignment="1" applyProtection="1">
      <alignment horizontal="center" vertical="center"/>
      <protection locked="0"/>
    </xf>
    <xf numFmtId="0" fontId="4" fillId="0" borderId="0" xfId="0" applyFont="1" applyFill="1" applyAlignment="1">
      <alignment vertical="center"/>
    </xf>
    <xf numFmtId="0" fontId="3" fillId="0" borderId="0" xfId="0" applyFont="1" applyFill="1" applyAlignment="1">
      <alignment vertical="center"/>
    </xf>
    <xf numFmtId="0" fontId="3" fillId="0" borderId="0" xfId="0" applyFont="1" applyFill="1" applyAlignment="1">
      <alignment horizontal="center" vertical="center"/>
    </xf>
    <xf numFmtId="0" fontId="3" fillId="0" borderId="0" xfId="0" applyFont="1" applyFill="1" applyAlignment="1">
      <alignment horizontal="distributed" vertical="center"/>
    </xf>
    <xf numFmtId="0" fontId="3" fillId="0" borderId="9" xfId="0" applyFont="1" applyFill="1" applyBorder="1" applyAlignment="1" applyProtection="1">
      <alignment horizontal="center" vertical="center"/>
      <protection locked="0"/>
    </xf>
    <xf numFmtId="0" fontId="3" fillId="0" borderId="10" xfId="0" applyFont="1" applyFill="1" applyBorder="1" applyAlignment="1" applyProtection="1">
      <alignment horizontal="center" vertical="center"/>
      <protection locked="0"/>
    </xf>
    <xf numFmtId="0" fontId="6" fillId="0" borderId="0" xfId="0" applyFont="1" applyFill="1" applyAlignment="1">
      <alignment vertical="center"/>
    </xf>
    <xf numFmtId="0" fontId="3" fillId="0" borderId="11" xfId="0" applyFont="1" applyFill="1" applyBorder="1" applyAlignment="1">
      <alignment vertical="center" wrapText="1"/>
    </xf>
    <xf numFmtId="0" fontId="3" fillId="0" borderId="0" xfId="0" applyFont="1" applyFill="1" applyAlignment="1" applyProtection="1">
      <alignment vertical="center"/>
    </xf>
    <xf numFmtId="0" fontId="3" fillId="0" borderId="0" xfId="0" applyFont="1" applyFill="1" applyAlignment="1">
      <alignment vertical="center" wrapText="1"/>
    </xf>
    <xf numFmtId="0" fontId="3" fillId="0" borderId="0" xfId="0" applyFont="1" applyFill="1" applyAlignment="1">
      <alignment vertical="center" shrinkToFit="1"/>
    </xf>
    <xf numFmtId="0" fontId="0" fillId="0" borderId="11" xfId="0" applyFont="1" applyFill="1" applyBorder="1" applyAlignment="1">
      <alignment vertical="center"/>
    </xf>
    <xf numFmtId="0" fontId="7" fillId="0" borderId="12" xfId="0" applyFont="1" applyFill="1" applyBorder="1" applyAlignment="1">
      <alignment horizontal="center" vertical="center"/>
    </xf>
    <xf numFmtId="0" fontId="7" fillId="0" borderId="13" xfId="0" applyFont="1" applyFill="1" applyBorder="1" applyAlignment="1">
      <alignment horizontal="distributed" vertical="center" justifyLastLine="1"/>
    </xf>
    <xf numFmtId="0" fontId="7" fillId="0" borderId="14" xfId="0" applyFont="1" applyFill="1" applyBorder="1" applyAlignment="1">
      <alignment horizontal="distributed" vertical="center" justifyLastLine="1"/>
    </xf>
    <xf numFmtId="0" fontId="7" fillId="0" borderId="15" xfId="0" applyFont="1" applyFill="1" applyBorder="1" applyAlignment="1">
      <alignment horizontal="center" vertical="center" justifyLastLine="1"/>
    </xf>
    <xf numFmtId="0" fontId="7" fillId="0" borderId="14" xfId="0" applyFont="1" applyFill="1" applyBorder="1" applyAlignment="1">
      <alignment horizontal="distributed" vertical="center" justifyLastLine="1" shrinkToFit="1"/>
    </xf>
    <xf numFmtId="0" fontId="7" fillId="0" borderId="16" xfId="0" applyFont="1" applyFill="1" applyBorder="1" applyAlignment="1">
      <alignment horizontal="distributed" vertical="center"/>
    </xf>
    <xf numFmtId="0" fontId="7" fillId="0" borderId="17" xfId="0" applyFont="1" applyFill="1" applyBorder="1" applyAlignment="1" applyProtection="1">
      <alignment horizontal="distributed" vertical="center"/>
      <protection locked="0"/>
    </xf>
    <xf numFmtId="0" fontId="7" fillId="0" borderId="18" xfId="0" applyFont="1" applyFill="1" applyBorder="1" applyAlignment="1">
      <alignment horizontal="distributed" vertical="center"/>
    </xf>
    <xf numFmtId="0" fontId="7" fillId="0" borderId="18" xfId="0" applyFont="1" applyFill="1" applyBorder="1" applyAlignment="1">
      <alignment horizontal="distributed" vertical="center" wrapText="1"/>
    </xf>
    <xf numFmtId="0" fontId="7" fillId="0" borderId="18" xfId="0" applyFont="1" applyFill="1" applyBorder="1" applyAlignment="1">
      <alignment horizontal="distributed" vertical="center" shrinkToFit="1"/>
    </xf>
    <xf numFmtId="0" fontId="7" fillId="0" borderId="19" xfId="0" applyFont="1" applyFill="1" applyBorder="1" applyAlignment="1">
      <alignment horizontal="distributed" vertical="center"/>
    </xf>
    <xf numFmtId="0" fontId="3" fillId="0" borderId="7" xfId="0" applyFont="1" applyFill="1" applyBorder="1" applyAlignment="1" applyProtection="1">
      <alignment horizontal="center" vertical="center"/>
      <protection locked="0"/>
    </xf>
    <xf numFmtId="0" fontId="3" fillId="0" borderId="2" xfId="1" applyFont="1" applyFill="1" applyBorder="1" applyAlignment="1" applyProtection="1">
      <alignment vertical="center" wrapText="1"/>
      <protection locked="0"/>
    </xf>
    <xf numFmtId="0" fontId="3" fillId="0" borderId="2" xfId="1" applyFont="1" applyFill="1" applyBorder="1" applyAlignment="1" applyProtection="1">
      <alignment vertical="center" shrinkToFit="1"/>
    </xf>
    <xf numFmtId="0" fontId="3" fillId="0" borderId="4" xfId="1" applyFont="1" applyFill="1" applyBorder="1" applyAlignment="1" applyProtection="1">
      <alignment vertical="center"/>
      <protection locked="0"/>
    </xf>
    <xf numFmtId="0" fontId="3" fillId="0" borderId="8" xfId="0" applyFont="1" applyFill="1" applyBorder="1" applyAlignment="1" applyProtection="1">
      <alignment vertical="center" wrapText="1"/>
      <protection locked="0"/>
    </xf>
    <xf numFmtId="0" fontId="3" fillId="0" borderId="2" xfId="1" applyFont="1" applyFill="1" applyBorder="1" applyAlignment="1" applyProtection="1">
      <alignment vertical="center"/>
    </xf>
    <xf numFmtId="0" fontId="3" fillId="0" borderId="2" xfId="1" applyFont="1" applyFill="1" applyBorder="1" applyAlignment="1" applyProtection="1">
      <alignment horizontal="left" vertical="center"/>
      <protection locked="0"/>
    </xf>
  </cellXfs>
  <cellStyles count="2">
    <cellStyle name="ハイパーリンク" xfId="1" builtinId="8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1476375</xdr:colOff>
      <xdr:row>36</xdr:row>
      <xdr:rowOff>85725</xdr:rowOff>
    </xdr:from>
    <xdr:to>
      <xdr:col>2</xdr:col>
      <xdr:colOff>1552575</xdr:colOff>
      <xdr:row>37</xdr:row>
      <xdr:rowOff>38100</xdr:rowOff>
    </xdr:to>
    <xdr:sp macro="" textlink="">
      <xdr:nvSpPr>
        <xdr:cNvPr id="1040" name="Text Box 1"/>
        <xdr:cNvSpPr txBox="1">
          <a:spLocks noChangeArrowheads="1"/>
        </xdr:cNvSpPr>
      </xdr:nvSpPr>
      <xdr:spPr bwMode="auto">
        <a:xfrm>
          <a:off x="3638550" y="6905625"/>
          <a:ext cx="76200" cy="2095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3" Type="http://schemas.openxmlformats.org/officeDocument/2006/relationships/hyperlink" Target="http://www.city.isehara.kanagawa.jp/" TargetMode="External"/><Relationship Id="rId18" Type="http://schemas.openxmlformats.org/officeDocument/2006/relationships/hyperlink" Target="http://www.town.hayama.lg.jp/" TargetMode="External"/><Relationship Id="rId26" Type="http://schemas.openxmlformats.org/officeDocument/2006/relationships/hyperlink" Target="http://www.town.kaisei.kanagawa.jp/" TargetMode="External"/><Relationship Id="rId3" Type="http://schemas.openxmlformats.org/officeDocument/2006/relationships/hyperlink" Target="http://www.city.yokosuka.kanagawa.jp/" TargetMode="External"/><Relationship Id="rId21" Type="http://schemas.openxmlformats.org/officeDocument/2006/relationships/hyperlink" Target="http://www.town.ninomiya.kanagawa.jp/" TargetMode="External"/><Relationship Id="rId34" Type="http://schemas.openxmlformats.org/officeDocument/2006/relationships/printerSettings" Target="../printerSettings/printerSettings1.bin"/><Relationship Id="rId7" Type="http://schemas.openxmlformats.org/officeDocument/2006/relationships/hyperlink" Target="http://www.city.odawara.kanagawa.jp/" TargetMode="External"/><Relationship Id="rId12" Type="http://schemas.openxmlformats.org/officeDocument/2006/relationships/hyperlink" Target="http://www.city.atsugi.kanagawa.jp/" TargetMode="External"/><Relationship Id="rId17" Type="http://schemas.openxmlformats.org/officeDocument/2006/relationships/hyperlink" Target="http://www.city.ayase.kanagawa.jp/" TargetMode="External"/><Relationship Id="rId25" Type="http://schemas.openxmlformats.org/officeDocument/2006/relationships/hyperlink" Target="http://www.town.yamakita.kanagawa.jp/" TargetMode="External"/><Relationship Id="rId33" Type="http://schemas.openxmlformats.org/officeDocument/2006/relationships/hyperlink" Target="http://www.city.yokohama.lg.jp/" TargetMode="External"/><Relationship Id="rId2" Type="http://schemas.openxmlformats.org/officeDocument/2006/relationships/hyperlink" Target="http://www.city.sagamihara.kanagawa.jp/" TargetMode="External"/><Relationship Id="rId16" Type="http://schemas.openxmlformats.org/officeDocument/2006/relationships/hyperlink" Target="http://www.city.zama.kanagawa.jp/" TargetMode="External"/><Relationship Id="rId20" Type="http://schemas.openxmlformats.org/officeDocument/2006/relationships/hyperlink" Target="http://www.town.oiso.kanagawa.jp/" TargetMode="External"/><Relationship Id="rId29" Type="http://schemas.openxmlformats.org/officeDocument/2006/relationships/hyperlink" Target="http://www.town.aikawa.kanagawa.jp/" TargetMode="External"/><Relationship Id="rId1" Type="http://schemas.openxmlformats.org/officeDocument/2006/relationships/hyperlink" Target="http://www.city.kawasaki.jp/" TargetMode="External"/><Relationship Id="rId6" Type="http://schemas.openxmlformats.org/officeDocument/2006/relationships/hyperlink" Target="http://www.city.fujisawa.kanagawa.jp/" TargetMode="External"/><Relationship Id="rId11" Type="http://schemas.openxmlformats.org/officeDocument/2006/relationships/hyperlink" Target="http://www.city.hadano.kanagawa.jp/" TargetMode="External"/><Relationship Id="rId24" Type="http://schemas.openxmlformats.org/officeDocument/2006/relationships/hyperlink" Target="http://town.matsuda.kanagawa.jp/" TargetMode="External"/><Relationship Id="rId32" Type="http://schemas.openxmlformats.org/officeDocument/2006/relationships/hyperlink" Target="http://www.town-manazuru.jp/" TargetMode="External"/><Relationship Id="rId5" Type="http://schemas.openxmlformats.org/officeDocument/2006/relationships/hyperlink" Target="http://www.city.kamakura.kanagawa.jp/" TargetMode="External"/><Relationship Id="rId15" Type="http://schemas.openxmlformats.org/officeDocument/2006/relationships/hyperlink" Target="http://www.city.minamiashigara.kanagawa.jp/" TargetMode="External"/><Relationship Id="rId23" Type="http://schemas.openxmlformats.org/officeDocument/2006/relationships/hyperlink" Target="http://www.town.oi.kanagawa.jp/" TargetMode="External"/><Relationship Id="rId28" Type="http://schemas.openxmlformats.org/officeDocument/2006/relationships/hyperlink" Target="http://www.town.yugawara.kanagawa.jp/" TargetMode="External"/><Relationship Id="rId10" Type="http://schemas.openxmlformats.org/officeDocument/2006/relationships/hyperlink" Target="http://www.city.miura.kanagawa.jp/" TargetMode="External"/><Relationship Id="rId19" Type="http://schemas.openxmlformats.org/officeDocument/2006/relationships/hyperlink" Target="http://www.town.samukawa.kanagawa.jp/" TargetMode="External"/><Relationship Id="rId31" Type="http://schemas.openxmlformats.org/officeDocument/2006/relationships/hyperlink" Target="http://www.city.yamato.lg.jp/" TargetMode="External"/><Relationship Id="rId4" Type="http://schemas.openxmlformats.org/officeDocument/2006/relationships/hyperlink" Target="http://www.city.hiratsuka.kanagawa.jp/" TargetMode="External"/><Relationship Id="rId9" Type="http://schemas.openxmlformats.org/officeDocument/2006/relationships/hyperlink" Target="http://www.city.zushi.kanagawa.jp/" TargetMode="External"/><Relationship Id="rId14" Type="http://schemas.openxmlformats.org/officeDocument/2006/relationships/hyperlink" Target="http://www.city.ebina.kanagawa.jp/" TargetMode="External"/><Relationship Id="rId22" Type="http://schemas.openxmlformats.org/officeDocument/2006/relationships/hyperlink" Target="http://www.town.nakai.kanagawa.jp/" TargetMode="External"/><Relationship Id="rId27" Type="http://schemas.openxmlformats.org/officeDocument/2006/relationships/hyperlink" Target="http://www.town.hakone.kanagawa.jp/" TargetMode="External"/><Relationship Id="rId30" Type="http://schemas.openxmlformats.org/officeDocument/2006/relationships/hyperlink" Target="http://www.town.kiyokawa.kanagawa.jp/" TargetMode="External"/><Relationship Id="rId35" Type="http://schemas.openxmlformats.org/officeDocument/2006/relationships/drawing" Target="../drawings/drawing1.xml"/><Relationship Id="rId8" Type="http://schemas.openxmlformats.org/officeDocument/2006/relationships/hyperlink" Target="http://www.city.chigasaki.kanagawa.jp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7"/>
  <sheetViews>
    <sheetView tabSelected="1" view="pageBreakPreview" zoomScaleNormal="100" workbookViewId="0">
      <pane xSplit="1" ySplit="3" topLeftCell="B4" activePane="bottomRight" state="frozen"/>
      <selection pane="topRight" activeCell="B1" sqref="B1"/>
      <selection pane="bottomLeft" activeCell="A3" sqref="A3"/>
      <selection pane="bottomRight" activeCell="A5" sqref="A5"/>
    </sheetView>
  </sheetViews>
  <sheetFormatPr defaultColWidth="9" defaultRowHeight="15" customHeight="1" x14ac:dyDescent="0.15"/>
  <cols>
    <col min="1" max="1" width="17.5" style="21" customWidth="1"/>
    <col min="2" max="2" width="10.875" style="19" customWidth="1"/>
    <col min="3" max="3" width="35.5" style="19" customWidth="1"/>
    <col min="4" max="4" width="16.625" style="20" customWidth="1"/>
    <col min="5" max="5" width="43.375" style="19" customWidth="1"/>
    <col min="6" max="6" width="12.625" style="19" customWidth="1"/>
    <col min="7" max="16384" width="9" style="19"/>
  </cols>
  <sheetData>
    <row r="1" spans="1:8" ht="19.5" customHeight="1" x14ac:dyDescent="0.15">
      <c r="A1" s="18" t="s">
        <v>55</v>
      </c>
    </row>
    <row r="2" spans="1:8" ht="4.5" customHeight="1" thickBot="1" x14ac:dyDescent="0.2"/>
    <row r="3" spans="1:8" s="21" customFormat="1" ht="18" customHeight="1" thickBot="1" x14ac:dyDescent="0.2">
      <c r="A3" s="30" t="s">
        <v>139</v>
      </c>
      <c r="B3" s="31" t="s">
        <v>62</v>
      </c>
      <c r="C3" s="32" t="s">
        <v>13</v>
      </c>
      <c r="D3" s="33" t="s">
        <v>54</v>
      </c>
      <c r="E3" s="34" t="s">
        <v>63</v>
      </c>
      <c r="F3" s="35" t="s">
        <v>52</v>
      </c>
    </row>
    <row r="4" spans="1:8" ht="15" customHeight="1" x14ac:dyDescent="0.15">
      <c r="A4" s="36" t="s">
        <v>12</v>
      </c>
      <c r="B4" s="41" t="s">
        <v>140</v>
      </c>
      <c r="C4" s="45" t="s">
        <v>167</v>
      </c>
      <c r="D4" s="22" t="s">
        <v>64</v>
      </c>
      <c r="E4" s="11" t="s">
        <v>141</v>
      </c>
      <c r="F4" s="23">
        <v>141003</v>
      </c>
      <c r="G4" s="26"/>
      <c r="H4" s="26"/>
    </row>
    <row r="5" spans="1:8" ht="15" customHeight="1" x14ac:dyDescent="0.15">
      <c r="A5" s="37" t="s">
        <v>65</v>
      </c>
      <c r="B5" s="3" t="s">
        <v>66</v>
      </c>
      <c r="C5" s="2" t="s">
        <v>0</v>
      </c>
      <c r="D5" s="13" t="s">
        <v>67</v>
      </c>
      <c r="E5" s="11" t="s">
        <v>163</v>
      </c>
      <c r="F5" s="4">
        <v>141305</v>
      </c>
    </row>
    <row r="6" spans="1:8" ht="15" customHeight="1" x14ac:dyDescent="0.15">
      <c r="A6" s="37" t="s">
        <v>43</v>
      </c>
      <c r="B6" s="3" t="s">
        <v>68</v>
      </c>
      <c r="C6" s="2" t="s">
        <v>69</v>
      </c>
      <c r="D6" s="13" t="s">
        <v>70</v>
      </c>
      <c r="E6" s="10" t="s">
        <v>142</v>
      </c>
      <c r="F6" s="4">
        <v>141500</v>
      </c>
    </row>
    <row r="7" spans="1:8" ht="15" customHeight="1" x14ac:dyDescent="0.15">
      <c r="A7" s="37" t="s">
        <v>14</v>
      </c>
      <c r="B7" s="3" t="s">
        <v>71</v>
      </c>
      <c r="C7" s="2" t="s">
        <v>1</v>
      </c>
      <c r="D7" s="13" t="s">
        <v>72</v>
      </c>
      <c r="E7" s="10" t="s">
        <v>143</v>
      </c>
      <c r="F7" s="4">
        <v>142018</v>
      </c>
    </row>
    <row r="8" spans="1:8" ht="15" customHeight="1" x14ac:dyDescent="0.15">
      <c r="A8" s="37" t="s">
        <v>58</v>
      </c>
      <c r="B8" s="3" t="s">
        <v>73</v>
      </c>
      <c r="C8" s="2" t="s">
        <v>59</v>
      </c>
      <c r="D8" s="13" t="s">
        <v>74</v>
      </c>
      <c r="E8" s="11" t="s">
        <v>162</v>
      </c>
      <c r="F8" s="4">
        <v>142034</v>
      </c>
    </row>
    <row r="9" spans="1:8" s="27" customFormat="1" ht="15" customHeight="1" x14ac:dyDescent="0.15">
      <c r="A9" s="38" t="s">
        <v>15</v>
      </c>
      <c r="B9" s="5" t="s">
        <v>78</v>
      </c>
      <c r="C9" s="2" t="s">
        <v>2</v>
      </c>
      <c r="D9" s="14" t="s">
        <v>79</v>
      </c>
      <c r="E9" s="42" t="s">
        <v>144</v>
      </c>
      <c r="F9" s="4">
        <v>142042</v>
      </c>
    </row>
    <row r="10" spans="1:8" ht="15" customHeight="1" x14ac:dyDescent="0.15">
      <c r="A10" s="37" t="s">
        <v>16</v>
      </c>
      <c r="B10" s="3" t="s">
        <v>80</v>
      </c>
      <c r="C10" s="1" t="s">
        <v>41</v>
      </c>
      <c r="D10" s="13" t="s">
        <v>81</v>
      </c>
      <c r="E10" s="10" t="s">
        <v>145</v>
      </c>
      <c r="F10" s="4">
        <v>142051</v>
      </c>
    </row>
    <row r="11" spans="1:8" ht="15" customHeight="1" x14ac:dyDescent="0.15">
      <c r="A11" s="37" t="s">
        <v>17</v>
      </c>
      <c r="B11" s="3" t="s">
        <v>82</v>
      </c>
      <c r="C11" s="2" t="s">
        <v>3</v>
      </c>
      <c r="D11" s="13" t="s">
        <v>83</v>
      </c>
      <c r="E11" s="10" t="s">
        <v>164</v>
      </c>
      <c r="F11" s="4">
        <v>142069</v>
      </c>
    </row>
    <row r="12" spans="1:8" ht="15" customHeight="1" x14ac:dyDescent="0.15">
      <c r="A12" s="37" t="s">
        <v>42</v>
      </c>
      <c r="B12" s="5" t="s">
        <v>84</v>
      </c>
      <c r="C12" s="2" t="s">
        <v>61</v>
      </c>
      <c r="D12" s="14" t="s">
        <v>85</v>
      </c>
      <c r="E12" s="42" t="s">
        <v>146</v>
      </c>
      <c r="F12" s="4">
        <v>142077</v>
      </c>
    </row>
    <row r="13" spans="1:8" ht="15" customHeight="1" x14ac:dyDescent="0.15">
      <c r="A13" s="37" t="s">
        <v>18</v>
      </c>
      <c r="B13" s="3" t="s">
        <v>86</v>
      </c>
      <c r="C13" s="2" t="s">
        <v>75</v>
      </c>
      <c r="D13" s="13" t="s">
        <v>87</v>
      </c>
      <c r="E13" s="10" t="s">
        <v>147</v>
      </c>
      <c r="F13" s="4">
        <v>142085</v>
      </c>
    </row>
    <row r="14" spans="1:8" ht="15" customHeight="1" x14ac:dyDescent="0.15">
      <c r="A14" s="37" t="s">
        <v>19</v>
      </c>
      <c r="B14" s="6" t="s">
        <v>88</v>
      </c>
      <c r="C14" s="2" t="s">
        <v>44</v>
      </c>
      <c r="D14" s="15" t="s">
        <v>89</v>
      </c>
      <c r="E14" s="11" t="s">
        <v>168</v>
      </c>
      <c r="F14" s="4">
        <v>142107</v>
      </c>
    </row>
    <row r="15" spans="1:8" ht="15" customHeight="1" x14ac:dyDescent="0.15">
      <c r="A15" s="37" t="s">
        <v>20</v>
      </c>
      <c r="B15" s="3" t="s">
        <v>90</v>
      </c>
      <c r="C15" s="2" t="s">
        <v>76</v>
      </c>
      <c r="D15" s="13" t="s">
        <v>91</v>
      </c>
      <c r="E15" s="10" t="s">
        <v>148</v>
      </c>
      <c r="F15" s="4">
        <v>142115</v>
      </c>
    </row>
    <row r="16" spans="1:8" ht="15" customHeight="1" x14ac:dyDescent="0.15">
      <c r="A16" s="37" t="s">
        <v>21</v>
      </c>
      <c r="B16" s="3" t="s">
        <v>92</v>
      </c>
      <c r="C16" s="2" t="s">
        <v>77</v>
      </c>
      <c r="D16" s="13" t="s">
        <v>93</v>
      </c>
      <c r="E16" s="10" t="s">
        <v>149</v>
      </c>
      <c r="F16" s="4">
        <v>142123</v>
      </c>
    </row>
    <row r="17" spans="1:6" ht="15" customHeight="1" x14ac:dyDescent="0.15">
      <c r="A17" s="37" t="s">
        <v>22</v>
      </c>
      <c r="B17" s="3" t="s">
        <v>94</v>
      </c>
      <c r="C17" s="2" t="s">
        <v>60</v>
      </c>
      <c r="D17" s="13" t="s">
        <v>95</v>
      </c>
      <c r="E17" s="46" t="s">
        <v>165</v>
      </c>
      <c r="F17" s="4">
        <v>142131</v>
      </c>
    </row>
    <row r="18" spans="1:6" ht="15" customHeight="1" x14ac:dyDescent="0.15">
      <c r="A18" s="37" t="s">
        <v>23</v>
      </c>
      <c r="B18" s="3" t="s">
        <v>96</v>
      </c>
      <c r="C18" s="2" t="s">
        <v>45</v>
      </c>
      <c r="D18" s="13" t="s">
        <v>97</v>
      </c>
      <c r="E18" s="42" t="s">
        <v>150</v>
      </c>
      <c r="F18" s="4">
        <v>142140</v>
      </c>
    </row>
    <row r="19" spans="1:6" ht="15" customHeight="1" x14ac:dyDescent="0.15">
      <c r="A19" s="37" t="s">
        <v>24</v>
      </c>
      <c r="B19" s="3" t="s">
        <v>98</v>
      </c>
      <c r="C19" s="2" t="s">
        <v>4</v>
      </c>
      <c r="D19" s="13" t="s">
        <v>99</v>
      </c>
      <c r="E19" s="10" t="s">
        <v>151</v>
      </c>
      <c r="F19" s="4">
        <v>142158</v>
      </c>
    </row>
    <row r="20" spans="1:6" ht="15" customHeight="1" x14ac:dyDescent="0.15">
      <c r="A20" s="37" t="s">
        <v>25</v>
      </c>
      <c r="B20" s="3" t="s">
        <v>100</v>
      </c>
      <c r="C20" s="2" t="s">
        <v>57</v>
      </c>
      <c r="D20" s="13" t="s">
        <v>101</v>
      </c>
      <c r="E20" s="10" t="s">
        <v>152</v>
      </c>
      <c r="F20" s="4">
        <v>142166</v>
      </c>
    </row>
    <row r="21" spans="1:6" ht="15" customHeight="1" x14ac:dyDescent="0.15">
      <c r="A21" s="37" t="s">
        <v>26</v>
      </c>
      <c r="B21" s="3" t="s">
        <v>102</v>
      </c>
      <c r="C21" s="1" t="s">
        <v>46</v>
      </c>
      <c r="D21" s="13" t="s">
        <v>103</v>
      </c>
      <c r="E21" s="11" t="s">
        <v>166</v>
      </c>
      <c r="F21" s="4">
        <v>142174</v>
      </c>
    </row>
    <row r="22" spans="1:6" ht="15" customHeight="1" x14ac:dyDescent="0.15">
      <c r="A22" s="37" t="s">
        <v>27</v>
      </c>
      <c r="B22" s="3" t="s">
        <v>104</v>
      </c>
      <c r="C22" s="1" t="s">
        <v>47</v>
      </c>
      <c r="D22" s="13" t="s">
        <v>105</v>
      </c>
      <c r="E22" s="10" t="s">
        <v>153</v>
      </c>
      <c r="F22" s="4">
        <v>142182</v>
      </c>
    </row>
    <row r="23" spans="1:6" ht="15" customHeight="1" x14ac:dyDescent="0.15">
      <c r="A23" s="37" t="s">
        <v>28</v>
      </c>
      <c r="B23" s="3" t="s">
        <v>106</v>
      </c>
      <c r="C23" s="2" t="s">
        <v>5</v>
      </c>
      <c r="D23" s="13" t="s">
        <v>107</v>
      </c>
      <c r="E23" s="10" t="s">
        <v>154</v>
      </c>
      <c r="F23" s="4">
        <v>143014</v>
      </c>
    </row>
    <row r="24" spans="1:6" ht="15" customHeight="1" x14ac:dyDescent="0.15">
      <c r="A24" s="37" t="s">
        <v>29</v>
      </c>
      <c r="B24" s="3" t="s">
        <v>108</v>
      </c>
      <c r="C24" s="1" t="s">
        <v>6</v>
      </c>
      <c r="D24" s="13" t="s">
        <v>109</v>
      </c>
      <c r="E24" s="10" t="s">
        <v>169</v>
      </c>
      <c r="F24" s="4">
        <v>143219</v>
      </c>
    </row>
    <row r="25" spans="1:6" ht="15" customHeight="1" x14ac:dyDescent="0.15">
      <c r="A25" s="37" t="s">
        <v>30</v>
      </c>
      <c r="B25" s="3" t="s">
        <v>110</v>
      </c>
      <c r="C25" s="2" t="s">
        <v>53</v>
      </c>
      <c r="D25" s="13" t="s">
        <v>111</v>
      </c>
      <c r="E25" s="12" t="s">
        <v>112</v>
      </c>
      <c r="F25" s="4">
        <v>143413</v>
      </c>
    </row>
    <row r="26" spans="1:6" ht="15" customHeight="1" x14ac:dyDescent="0.15">
      <c r="A26" s="37" t="s">
        <v>31</v>
      </c>
      <c r="B26" s="3" t="s">
        <v>113</v>
      </c>
      <c r="C26" s="2" t="s">
        <v>7</v>
      </c>
      <c r="D26" s="13" t="s">
        <v>114</v>
      </c>
      <c r="E26" s="47" t="s">
        <v>170</v>
      </c>
      <c r="F26" s="4">
        <v>143421</v>
      </c>
    </row>
    <row r="27" spans="1:6" ht="15" customHeight="1" x14ac:dyDescent="0.15">
      <c r="A27" s="37" t="s">
        <v>32</v>
      </c>
      <c r="B27" s="3" t="s">
        <v>115</v>
      </c>
      <c r="C27" s="1" t="s">
        <v>48</v>
      </c>
      <c r="D27" s="13" t="s">
        <v>116</v>
      </c>
      <c r="E27" s="10" t="s">
        <v>155</v>
      </c>
      <c r="F27" s="4">
        <v>143618</v>
      </c>
    </row>
    <row r="28" spans="1:6" ht="15" customHeight="1" x14ac:dyDescent="0.15">
      <c r="A28" s="37" t="s">
        <v>33</v>
      </c>
      <c r="B28" s="3" t="s">
        <v>117</v>
      </c>
      <c r="C28" s="2" t="s">
        <v>8</v>
      </c>
      <c r="D28" s="13" t="s">
        <v>118</v>
      </c>
      <c r="E28" s="11" t="s">
        <v>156</v>
      </c>
      <c r="F28" s="4">
        <v>143626</v>
      </c>
    </row>
    <row r="29" spans="1:6" ht="15" customHeight="1" x14ac:dyDescent="0.15">
      <c r="A29" s="37" t="s">
        <v>119</v>
      </c>
      <c r="B29" s="3" t="s">
        <v>120</v>
      </c>
      <c r="C29" s="2" t="s">
        <v>9</v>
      </c>
      <c r="D29" s="13" t="s">
        <v>121</v>
      </c>
      <c r="E29" s="10" t="s">
        <v>157</v>
      </c>
      <c r="F29" s="4">
        <v>143634</v>
      </c>
    </row>
    <row r="30" spans="1:6" ht="15" customHeight="1" x14ac:dyDescent="0.15">
      <c r="A30" s="37" t="s">
        <v>34</v>
      </c>
      <c r="B30" s="3" t="s">
        <v>122</v>
      </c>
      <c r="C30" s="1" t="s">
        <v>123</v>
      </c>
      <c r="D30" s="13" t="s">
        <v>124</v>
      </c>
      <c r="E30" s="10" t="s">
        <v>125</v>
      </c>
      <c r="F30" s="4">
        <v>143642</v>
      </c>
    </row>
    <row r="31" spans="1:6" ht="15" customHeight="1" x14ac:dyDescent="0.15">
      <c r="A31" s="37" t="s">
        <v>35</v>
      </c>
      <c r="B31" s="3" t="s">
        <v>126</v>
      </c>
      <c r="C31" s="1" t="s">
        <v>10</v>
      </c>
      <c r="D31" s="13" t="s">
        <v>127</v>
      </c>
      <c r="E31" s="10" t="s">
        <v>158</v>
      </c>
      <c r="F31" s="4">
        <v>143669</v>
      </c>
    </row>
    <row r="32" spans="1:6" ht="15" customHeight="1" x14ac:dyDescent="0.15">
      <c r="A32" s="37" t="s">
        <v>36</v>
      </c>
      <c r="B32" s="3" t="s">
        <v>128</v>
      </c>
      <c r="C32" s="1" t="s">
        <v>49</v>
      </c>
      <c r="D32" s="16" t="s">
        <v>129</v>
      </c>
      <c r="E32" s="10" t="s">
        <v>171</v>
      </c>
      <c r="F32" s="4">
        <v>143821</v>
      </c>
    </row>
    <row r="33" spans="1:6" ht="15" customHeight="1" x14ac:dyDescent="0.15">
      <c r="A33" s="37" t="s">
        <v>37</v>
      </c>
      <c r="B33" s="3" t="s">
        <v>130</v>
      </c>
      <c r="C33" s="1" t="s">
        <v>11</v>
      </c>
      <c r="D33" s="13" t="s">
        <v>131</v>
      </c>
      <c r="E33" s="10" t="s">
        <v>172</v>
      </c>
      <c r="F33" s="4">
        <v>143839</v>
      </c>
    </row>
    <row r="34" spans="1:6" ht="15" customHeight="1" x14ac:dyDescent="0.15">
      <c r="A34" s="37" t="s">
        <v>38</v>
      </c>
      <c r="B34" s="3" t="s">
        <v>132</v>
      </c>
      <c r="C34" s="2" t="s">
        <v>50</v>
      </c>
      <c r="D34" s="13" t="s">
        <v>133</v>
      </c>
      <c r="E34" s="10" t="s">
        <v>159</v>
      </c>
      <c r="F34" s="4">
        <v>143847</v>
      </c>
    </row>
    <row r="35" spans="1:6" s="28" customFormat="1" ht="15" customHeight="1" x14ac:dyDescent="0.15">
      <c r="A35" s="39" t="s">
        <v>39</v>
      </c>
      <c r="B35" s="6" t="s">
        <v>134</v>
      </c>
      <c r="C35" s="2" t="s">
        <v>56</v>
      </c>
      <c r="D35" s="15" t="s">
        <v>135</v>
      </c>
      <c r="E35" s="43" t="s">
        <v>160</v>
      </c>
      <c r="F35" s="4">
        <v>144011</v>
      </c>
    </row>
    <row r="36" spans="1:6" ht="15" customHeight="1" thickBot="1" x14ac:dyDescent="0.2">
      <c r="A36" s="40" t="s">
        <v>40</v>
      </c>
      <c r="B36" s="7" t="s">
        <v>136</v>
      </c>
      <c r="C36" s="8" t="s">
        <v>51</v>
      </c>
      <c r="D36" s="17" t="s">
        <v>137</v>
      </c>
      <c r="E36" s="44" t="s">
        <v>161</v>
      </c>
      <c r="F36" s="9">
        <v>144029</v>
      </c>
    </row>
    <row r="37" spans="1:6" ht="20.25" customHeight="1" x14ac:dyDescent="0.15">
      <c r="B37" s="24"/>
      <c r="C37" s="19" t="s">
        <v>138</v>
      </c>
      <c r="E37" s="25"/>
      <c r="F37" s="29"/>
    </row>
  </sheetData>
  <phoneticPr fontId="1"/>
  <hyperlinks>
    <hyperlink ref="E5" r:id="rId1" display="http://www.city.kawasaki.jp/"/>
    <hyperlink ref="E6" r:id="rId2" display="http://www.city.sagamihara.kanagawa.jp/"/>
    <hyperlink ref="E7" r:id="rId3" display="http://www.city.yokosuka.kanagawa.jp/"/>
    <hyperlink ref="E8" r:id="rId4" display="http://www.city.hiratsuka.kanagawa.jp/"/>
    <hyperlink ref="E9" r:id="rId5" display="http://www.city.kamakura.kanagawa.jp/"/>
    <hyperlink ref="E10" r:id="rId6" display="http://www.city.fujisawa.kanagawa.jp/"/>
    <hyperlink ref="E11" r:id="rId7" display="http://www.city.odawara.kanagawa.jp/"/>
    <hyperlink ref="E12" r:id="rId8" display="http://www.city.chigasaki.kanagawa.jp/"/>
    <hyperlink ref="E13" r:id="rId9" display="http://www.city.zushi.kanagawa.jp/"/>
    <hyperlink ref="E14" r:id="rId10" display="http://www.city.miura.kanagawa.jp/"/>
    <hyperlink ref="E15" r:id="rId11" display="http://www.city.hadano.kanagawa.jp/"/>
    <hyperlink ref="E16" r:id="rId12" display="http://www.city.atsugi.kanagawa.jp/"/>
    <hyperlink ref="E18" r:id="rId13" display="http://www.city.isehara.kanagawa.jp/"/>
    <hyperlink ref="E19" r:id="rId14" display="http://www.city.ebina.kanagawa.jp/"/>
    <hyperlink ref="E21" r:id="rId15" display="http://www.city.minamiashigara.kanagawa.jp/"/>
    <hyperlink ref="E20" r:id="rId16" display="http://www.city.zama.kanagawa.jp"/>
    <hyperlink ref="E22" r:id="rId17" display="http://www.city.ayase.kanagawa.jp/"/>
    <hyperlink ref="E23" r:id="rId18" display="http://www.town.hayama.lg.jp/"/>
    <hyperlink ref="E24" r:id="rId19" display="http://www.town.samukawa.kanagawa.jp/"/>
    <hyperlink ref="E25" r:id="rId20"/>
    <hyperlink ref="E26" r:id="rId21" display="http://www.town.ninomiya.kanagawa.jp/"/>
    <hyperlink ref="E27" r:id="rId22" display="http://www.town.nakai.kanagawa.jp/"/>
    <hyperlink ref="E28" r:id="rId23" display="http://www.town.oi.kanagawa.jp/"/>
    <hyperlink ref="E29" r:id="rId24" display="http://town.matsuda.kanagawa.jp/"/>
    <hyperlink ref="E30" r:id="rId25"/>
    <hyperlink ref="E31" r:id="rId26" display="http://www.town.kaisei.kanagawa.jp/"/>
    <hyperlink ref="E32" r:id="rId27" display="http://www.town.hakone.kanagawa.jp/"/>
    <hyperlink ref="E34" r:id="rId28" display="http://www.town.yugawara.kanagawa.jp/"/>
    <hyperlink ref="E35" r:id="rId29" display="http://www.town.aikawa.kanagawa.jp/"/>
    <hyperlink ref="E36" r:id="rId30" display="http://www.town.kiyokawa.kanagawa.jp/"/>
    <hyperlink ref="E17" r:id="rId31" display="http://www.city.yamato.lg.jp/"/>
    <hyperlink ref="E33" r:id="rId32" display="http://www.town-manazuru.jp/"/>
    <hyperlink ref="E4" r:id="rId33" display="http://www.city.yokohama.lg.jp/"/>
  </hyperlinks>
  <pageMargins left="0.59055118110236227" right="0.59055118110236227" top="0.7" bottom="0.39370078740157483" header="0.51181102362204722" footer="0.39"/>
  <pageSetup paperSize="9" scale="98" orientation="landscape" cellComments="asDisplayed" r:id="rId34"/>
  <headerFooter alignWithMargins="0"/>
  <drawing r:id="rId3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市町村一覧</vt:lpstr>
      <vt:lpstr>市町村一覧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仲 紗奈江</dc:creator>
  <cp:lastModifiedBy>user</cp:lastModifiedBy>
  <cp:lastPrinted>2023-08-02T01:48:29Z</cp:lastPrinted>
  <dcterms:created xsi:type="dcterms:W3CDTF">2004-01-21T01:31:52Z</dcterms:created>
  <dcterms:modified xsi:type="dcterms:W3CDTF">2024-07-08T06:23:05Z</dcterms:modified>
</cp:coreProperties>
</file>